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</p:sldMasterIdLst>
  <p:sldIdLst>
    <p:sldId id="261" r:id="rId2"/>
    <p:sldId id="256" r:id="rId3"/>
    <p:sldId id="269" r:id="rId4"/>
    <p:sldId id="268" r:id="rId5"/>
    <p:sldId id="264" r:id="rId6"/>
    <p:sldId id="271" r:id="rId7"/>
    <p:sldId id="270" r:id="rId8"/>
    <p:sldId id="267" r:id="rId9"/>
  </p:sldIdLst>
  <p:sldSz cx="12192000" cy="6858000"/>
  <p:notesSz cx="6858000" cy="9144000"/>
  <p:embeddedFontLst>
    <p:embeddedFont>
      <p:font typeface="AU Passata" panose="020B0503030502030804" pitchFamily="34" charset="0"/>
      <p:regular r:id="rId10"/>
      <p:bold r:id="rId11"/>
    </p:embeddedFont>
    <p:embeddedFont>
      <p:font typeface="AU Passata Light" panose="020B0303030902030804" pitchFamily="34" charset="0"/>
      <p:regular r:id="rId12"/>
      <p:bold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Calibri Light" panose="020F0302020204030204" pitchFamily="34" charset="0"/>
      <p:regular r:id="rId18"/>
      <p:italic r:id="rId19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4546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2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546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4.fntdata"/><Relationship Id="rId18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font" Target="fonts/font3.fntdata"/><Relationship Id="rId17" Type="http://schemas.openxmlformats.org/officeDocument/2006/relationships/font" Target="fonts/font8.fntdata"/><Relationship Id="rId2" Type="http://schemas.openxmlformats.org/officeDocument/2006/relationships/slide" Target="slides/slide1.xml"/><Relationship Id="rId16" Type="http://schemas.openxmlformats.org/officeDocument/2006/relationships/font" Target="fonts/font7.fntdata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2.fntdata"/><Relationship Id="rId5" Type="http://schemas.openxmlformats.org/officeDocument/2006/relationships/slide" Target="slides/slide4.xml"/><Relationship Id="rId15" Type="http://schemas.openxmlformats.org/officeDocument/2006/relationships/font" Target="fonts/font6.fntdata"/><Relationship Id="rId23" Type="http://schemas.openxmlformats.org/officeDocument/2006/relationships/tableStyles" Target="tableStyles.xml"/><Relationship Id="rId10" Type="http://schemas.openxmlformats.org/officeDocument/2006/relationships/font" Target="fonts/font1.fntdata"/><Relationship Id="rId19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5.fntdata"/><Relationship Id="rId22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55841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70533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506762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6095" y="3443622"/>
            <a:ext cx="648169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2100" y="1520316"/>
            <a:ext cx="9545793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7163077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917" y="2132856"/>
            <a:ext cx="2013173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253" y="5997600"/>
            <a:ext cx="768039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4 NOVEMBER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achelor Projects Introducti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1757241653" name="SecondaryLogo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2</a:t>
            </a:fld>
            <a:r>
              <a:rPr lang="en-GB" dirty="0"/>
              <a:t>28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80005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29074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26036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78193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64931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57605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590569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48254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34144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01A12C-4F7B-4E02-9489-209D0F4B3340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57728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1.jpeg"/><Relationship Id="rId18" Type="http://schemas.microsoft.com/office/2007/relationships/hdphoto" Target="../media/hdphoto5.wdp"/><Relationship Id="rId3" Type="http://schemas.microsoft.com/office/2007/relationships/hdphoto" Target="../media/hdphoto1.wdp"/><Relationship Id="rId7" Type="http://schemas.microsoft.com/office/2007/relationships/hdphoto" Target="../media/hdphoto3.wdp"/><Relationship Id="rId12" Type="http://schemas.openxmlformats.org/officeDocument/2006/relationships/image" Target="../media/image10.jpeg"/><Relationship Id="rId17" Type="http://schemas.openxmlformats.org/officeDocument/2006/relationships/image" Target="../media/image15.png"/><Relationship Id="rId2" Type="http://schemas.openxmlformats.org/officeDocument/2006/relationships/image" Target="../media/image4.png"/><Relationship Id="rId16" Type="http://schemas.openxmlformats.org/officeDocument/2006/relationships/image" Target="../media/image14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png"/><Relationship Id="rId11" Type="http://schemas.openxmlformats.org/officeDocument/2006/relationships/image" Target="../media/image9.emf"/><Relationship Id="rId5" Type="http://schemas.microsoft.com/office/2007/relationships/hdphoto" Target="../media/hdphoto2.wdp"/><Relationship Id="rId15" Type="http://schemas.openxmlformats.org/officeDocument/2006/relationships/image" Target="../media/image13.jpeg"/><Relationship Id="rId10" Type="http://schemas.openxmlformats.org/officeDocument/2006/relationships/image" Target="../media/image8.jpeg"/><Relationship Id="rId4" Type="http://schemas.openxmlformats.org/officeDocument/2006/relationships/image" Target="../media/image5.png"/><Relationship Id="rId9" Type="http://schemas.microsoft.com/office/2007/relationships/hdphoto" Target="../media/hdphoto4.wdp"/><Relationship Id="rId14" Type="http://schemas.openxmlformats.org/officeDocument/2006/relationships/image" Target="../media/image12.jpeg"/></Relationships>
</file>

<file path=ppt/slides/_rels/slide3.xml.rels><?xml version="1.0" encoding="UTF-8" standalone="yes"?>
<Relationships xmlns="http://schemas.openxmlformats.org/package/2006/relationships"><Relationship Id="rId3" Type="http://schemas.microsoft.com/office/2007/relationships/hdphoto" Target="../media/hdphoto5.wdp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microsoft.com/office/2007/relationships/hdphoto" Target="../media/hdphoto4.wdp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2.xml"/><Relationship Id="rId4" Type="http://schemas.microsoft.com/office/2007/relationships/hdphoto" Target="../media/hdphoto3.wdp"/></Relationships>
</file>

<file path=ppt/slides/_rels/slide6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mailto:hjschulz@cs.au.dk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S/IT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Ubiquitous Computing and Intera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" name="Group 15">
            <a:extLst>
              <a:ext uri="{FF2B5EF4-FFF2-40B4-BE49-F238E27FC236}">
                <a16:creationId xmlns:a16="http://schemas.microsoft.com/office/drawing/2014/main" id="{79669FA8-217F-46D9-9017-4BCD43BD032B}"/>
              </a:ext>
            </a:extLst>
          </p:cNvPr>
          <p:cNvGrpSpPr/>
          <p:nvPr/>
        </p:nvGrpSpPr>
        <p:grpSpPr>
          <a:xfrm>
            <a:off x="4091416" y="309364"/>
            <a:ext cx="1565356" cy="1423187"/>
            <a:chOff x="8024947" y="3433370"/>
            <a:chExt cx="1565356" cy="1423187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7565B01-5BD4-44CB-80AB-CDA2C5FCCDCA}"/>
                </a:ext>
              </a:extLst>
            </p:cNvPr>
            <p:cNvSpPr/>
            <p:nvPr/>
          </p:nvSpPr>
          <p:spPr bwMode="auto">
            <a:xfrm>
              <a:off x="8024947" y="3433370"/>
              <a:ext cx="1565356" cy="1423187"/>
            </a:xfrm>
            <a:prstGeom prst="rect">
              <a:avLst/>
            </a:prstGeom>
            <a:gradFill>
              <a:gsLst>
                <a:gs pos="0">
                  <a:srgbClr val="F2EEE5"/>
                </a:gs>
                <a:gs pos="58000">
                  <a:srgbClr val="FCF6F0"/>
                </a:gs>
                <a:gs pos="100000">
                  <a:srgbClr val="EBE6DE"/>
                </a:gs>
              </a:gsLst>
              <a:lin ang="5400000" scaled="1"/>
            </a:gra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8" name="Picture 2" descr="http://pure.au.dk/ws/files/40650135/KG_AI_Full_color.jpg">
              <a:extLst>
                <a:ext uri="{FF2B5EF4-FFF2-40B4-BE49-F238E27FC236}">
                  <a16:creationId xmlns:a16="http://schemas.microsoft.com/office/drawing/2014/main" id="{EFB7B679-4BFA-4036-A4C2-2A55CE9C515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" cstate="print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8219361" y="3433370"/>
              <a:ext cx="1370942" cy="142318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9" name="Picture 2" descr="http://pure.au.dk/ws/files/41621756/portrait_mgp_ubicomp_gruppe.png">
            <a:extLst>
              <a:ext uri="{FF2B5EF4-FFF2-40B4-BE49-F238E27FC236}">
                <a16:creationId xmlns:a16="http://schemas.microsoft.com/office/drawing/2014/main" id="{8F6696AE-CE41-47D4-B2CF-9D5E186CA5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9434" b="20014"/>
          <a:stretch/>
        </p:blipFill>
        <p:spPr bwMode="auto">
          <a:xfrm>
            <a:off x="6258859" y="309363"/>
            <a:ext cx="1598392" cy="142318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E541C66B-28D5-429B-A628-2393C07DBA70}"/>
              </a:ext>
            </a:extLst>
          </p:cNvPr>
          <p:cNvGrpSpPr/>
          <p:nvPr/>
        </p:nvGrpSpPr>
        <p:grpSpPr>
          <a:xfrm>
            <a:off x="6258859" y="2450294"/>
            <a:ext cx="1565356" cy="1423187"/>
            <a:chOff x="2568432" y="3440060"/>
            <a:chExt cx="1565356" cy="1423187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BB2818C1-71E8-468C-BD2D-70413469F97F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2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916DB6D9-8815-485E-A07C-DECFD9ECB0B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24" name="Picture 2" descr="http://pure.au.dk/ws/files/127222107/portrait.png">
            <a:extLst>
              <a:ext uri="{FF2B5EF4-FFF2-40B4-BE49-F238E27FC236}">
                <a16:creationId xmlns:a16="http://schemas.microsoft.com/office/drawing/2014/main" id="{2E5B7E96-E5D7-46A6-85B0-1089F734635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226512" y="4548166"/>
            <a:ext cx="1663086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4E4010DB-F907-4F00-A1BF-F3B53469902D}"/>
              </a:ext>
            </a:extLst>
          </p:cNvPr>
          <p:cNvPicPr>
            <a:picLocks noChangeAspect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2"/>
          <a:stretch/>
        </p:blipFill>
        <p:spPr>
          <a:xfrm>
            <a:off x="4091416" y="2450294"/>
            <a:ext cx="1565356" cy="1436431"/>
          </a:xfrm>
          <a:prstGeom prst="rect">
            <a:avLst/>
          </a:prstGeom>
          <a:ln>
            <a:solidFill>
              <a:schemeClr val="bg1"/>
            </a:solidFill>
          </a:ln>
        </p:spPr>
      </p:pic>
      <p:sp>
        <p:nvSpPr>
          <p:cNvPr id="6" name="TextBox 5"/>
          <p:cNvSpPr txBox="1"/>
          <p:nvPr/>
        </p:nvSpPr>
        <p:spPr>
          <a:xfrm>
            <a:off x="4014503" y="1671296"/>
            <a:ext cx="17271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KAJ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5781471" y="1671295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MARIANNE</a:t>
            </a:r>
          </a:p>
        </p:txBody>
      </p:sp>
      <p:sp>
        <p:nvSpPr>
          <p:cNvPr id="37" name="TextBox 36"/>
          <p:cNvSpPr txBox="1"/>
          <p:nvPr/>
        </p:nvSpPr>
        <p:spPr>
          <a:xfrm>
            <a:off x="4042551" y="3815837"/>
            <a:ext cx="166308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HANS</a:t>
            </a:r>
          </a:p>
        </p:txBody>
      </p:sp>
      <p:sp>
        <p:nvSpPr>
          <p:cNvPr id="38" name="TextBox 37"/>
          <p:cNvSpPr txBox="1"/>
          <p:nvPr/>
        </p:nvSpPr>
        <p:spPr>
          <a:xfrm>
            <a:off x="5787400" y="3845764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NIELS OLOF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5753262" y="5960378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HANS-JÖRG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78221613-5DBE-49FB-8CE0-E66C21D2F53B}"/>
              </a:ext>
            </a:extLst>
          </p:cNvPr>
          <p:cNvPicPr>
            <a:picLocks noChangeAspect="1"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176"/>
          <a:stretch/>
        </p:blipFill>
        <p:spPr>
          <a:xfrm>
            <a:off x="9206780" y="334077"/>
            <a:ext cx="2685115" cy="188530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26" name="Picture 2" descr="How To Start Your Own Career In Virtual Reality | ARPost"/>
          <p:cNvPicPr>
            <a:picLocks noChangeAspect="1" noChangeArrowheads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00539" y="4548166"/>
            <a:ext cx="2729670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mart-home"/>
          <p:cNvPicPr>
            <a:picLocks noChangeAspect="1" noChangeArrowheads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02086" y="2450294"/>
            <a:ext cx="2727568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4 Ways Wearables Are Changing the Future of Healthcare | Product  Engineering Blog | eInfochips"/>
          <p:cNvPicPr>
            <a:picLocks noChangeAspect="1" noChangeArrowheads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6996" y="350553"/>
            <a:ext cx="2674313" cy="190223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An industrial robot arm safely welds an automobile in an automated factory."/>
          <p:cNvPicPr>
            <a:picLocks noChangeAspect="1" noChangeArrowheads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8853" y="2450294"/>
            <a:ext cx="2679048" cy="189563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Comparing Data Visualization Software: Here Are The 7 Best Tools"/>
          <p:cNvPicPr>
            <a:picLocks noChangeAspect="1" noChangeArrowheads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02086" y="4576998"/>
            <a:ext cx="2689375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2" descr="Se kildebilledet">
            <a:extLst>
              <a:ext uri="{FF2B5EF4-FFF2-40B4-BE49-F238E27FC236}">
                <a16:creationId xmlns:a16="http://schemas.microsoft.com/office/drawing/2014/main" id="{28C6AC4C-6C6F-44CD-874B-371AF586752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7">
            <a:extLst>
              <a:ext uri="{BEBA8EAE-BF5A-486C-A8C5-ECC9F3942E4B}">
                <a14:imgProps xmlns:a14="http://schemas.microsoft.com/office/drawing/2010/main">
                  <a14:imgLayer r:embed="rId18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121227" y="4548166"/>
            <a:ext cx="1505734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3A920FB-5589-4CF2-AF07-A3C2D803968C}"/>
              </a:ext>
            </a:extLst>
          </p:cNvPr>
          <p:cNvSpPr txBox="1"/>
          <p:nvPr/>
        </p:nvSpPr>
        <p:spPr>
          <a:xfrm>
            <a:off x="3957841" y="5960378"/>
            <a:ext cx="17271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KEN</a:t>
            </a:r>
          </a:p>
        </p:txBody>
      </p:sp>
    </p:spTree>
    <p:extLst>
      <p:ext uri="{BB962C8B-B14F-4D97-AF65-F5344CB8AC3E}">
        <p14:creationId xmlns:p14="http://schemas.microsoft.com/office/powerpoint/2010/main" val="29665284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/>
      <p:bldP spid="37" grpId="0"/>
      <p:bldP spid="38" grpId="0"/>
      <p:bldP spid="39" grpId="0"/>
      <p:bldP spid="23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7694" y="119859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A] Mixed Reality for Blended Collabor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0" y="1698163"/>
            <a:ext cx="5608460" cy="4476878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Blended Spaces through AR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collaboration across different location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own environment incl. whiteboard and table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But spaces do not align</a:t>
            </a:r>
          </a:p>
          <a:p>
            <a:pPr lvl="1"/>
            <a:endParaRPr lang="en-US" sz="3200" dirty="0">
              <a:solidFill>
                <a:schemeClr val="bg1"/>
              </a:solidFill>
            </a:endParaRPr>
          </a:p>
          <a:p>
            <a:r>
              <a:rPr lang="en-US" sz="3600" dirty="0">
                <a:solidFill>
                  <a:schemeClr val="bg1"/>
                </a:solidFill>
              </a:rPr>
              <a:t>Meta Quest Pro</a:t>
            </a:r>
          </a:p>
        </p:txBody>
      </p:sp>
      <p:pic>
        <p:nvPicPr>
          <p:cNvPr id="17" name="Picture 2" descr="Se kildebilledet">
            <a:extLst>
              <a:ext uri="{FF2B5EF4-FFF2-40B4-BE49-F238E27FC236}">
                <a16:creationId xmlns:a16="http://schemas.microsoft.com/office/drawing/2014/main" id="{99C14036-C58D-4C0B-B66E-181F4746E47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581674" y="5265661"/>
            <a:ext cx="1505734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B8A48CDF-C74F-07F2-EA35-7BE63897CFB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5059" y="1363354"/>
            <a:ext cx="4522092" cy="246352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8838EE0-0C85-7356-EFBF-479BAFDAA6D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45059" y="3936602"/>
            <a:ext cx="4522091" cy="2658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64103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L] Comparative Analysis and Visual-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             Interactive Merging of Video Subtitles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1AE785B-7707-0C40-AD88-9F480010EA7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7597" y="2244742"/>
            <a:ext cx="10961406" cy="339966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Picture 2" descr="http://pure.au.dk/ws/files/127222107/portrait.png">
            <a:extLst>
              <a:ext uri="{FF2B5EF4-FFF2-40B4-BE49-F238E27FC236}">
                <a16:creationId xmlns:a16="http://schemas.microsoft.com/office/drawing/2014/main" id="{2B69FD01-21E4-4AED-92DE-96CE44B3BD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401814" y="5290617"/>
            <a:ext cx="1607413" cy="1423188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0854999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N] Seamless Music Stream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20017" y="1806476"/>
            <a:ext cx="5050276" cy="3959057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Transition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Room to Room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hone to Stereo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laylist A to Playlist B</a:t>
            </a:r>
          </a:p>
          <a:p>
            <a:r>
              <a:rPr lang="en-US" sz="3600" dirty="0">
                <a:solidFill>
                  <a:schemeClr val="bg1"/>
                </a:solidFill>
              </a:rPr>
              <a:t>Sensors for spatial, temporal, and social context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5667B235-471D-41E6-957C-0D67803C359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128409" y="1900786"/>
            <a:ext cx="4867342" cy="377043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>
            <a:extLst>
              <a:ext uri="{FF2B5EF4-FFF2-40B4-BE49-F238E27FC236}">
                <a16:creationId xmlns:a16="http://schemas.microsoft.com/office/drawing/2014/main" id="{64A52878-9259-4BB6-BFE5-DD1BB2AB1CE7}"/>
              </a:ext>
            </a:extLst>
          </p:cNvPr>
          <p:cNvGrpSpPr/>
          <p:nvPr/>
        </p:nvGrpSpPr>
        <p:grpSpPr>
          <a:xfrm>
            <a:off x="10487615" y="5280992"/>
            <a:ext cx="1565356" cy="1423187"/>
            <a:chOff x="2568432" y="3440060"/>
            <a:chExt cx="1565356" cy="1423187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93F1F4C2-6F62-4808-B550-62A8027A7399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0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6F499AC7-8EC7-45EE-A885-0AEFFC2192E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6913662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F] Visual-Analytic Anomaly Detection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             and Correction of EEG Data</a:t>
            </a:r>
          </a:p>
        </p:txBody>
      </p:sp>
      <p:pic>
        <p:nvPicPr>
          <p:cNvPr id="7" name="Picture 2" descr="http://pure.au.dk/ws/files/127222107/portrait.png">
            <a:extLst>
              <a:ext uri="{FF2B5EF4-FFF2-40B4-BE49-F238E27FC236}">
                <a16:creationId xmlns:a16="http://schemas.microsoft.com/office/drawing/2014/main" id="{2B69FD01-21E4-4AED-92DE-96CE44B3BD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401814" y="5290617"/>
            <a:ext cx="1607413" cy="1423188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9" descr="A screenshot of a computer&#10;&#10;Description automatically generated with low confidence">
            <a:extLst>
              <a:ext uri="{FF2B5EF4-FFF2-40B4-BE49-F238E27FC236}">
                <a16:creationId xmlns:a16="http://schemas.microsoft.com/office/drawing/2014/main" id="{3B4952BA-FC95-9B4F-E4A7-3C32AD768045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65137" y="2088857"/>
            <a:ext cx="8884878" cy="421966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31079459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E] Eye Based Interaction in A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0" y="1805847"/>
            <a:ext cx="4982551" cy="4180116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Combine Freehand Gestures &amp; Eye Tracking to create novel interactions for:</a:t>
            </a:r>
          </a:p>
          <a:p>
            <a:pPr marL="0" indent="0">
              <a:buNone/>
            </a:pPr>
            <a:endParaRPr lang="en-US" sz="400" dirty="0">
              <a:solidFill>
                <a:schemeClr val="bg1"/>
              </a:solidFill>
            </a:endParaRP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Remote Manipulation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Drag &amp; Drop in Space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Information Transfer through eye refocus</a:t>
            </a:r>
          </a:p>
          <a:p>
            <a:pPr lvl="1"/>
            <a:endParaRPr lang="en-US" sz="3600" dirty="0">
              <a:solidFill>
                <a:schemeClr val="bg1"/>
              </a:solidFill>
            </a:endParaRPr>
          </a:p>
          <a:p>
            <a:pPr lvl="1"/>
            <a:endParaRPr lang="en-US" sz="3600" dirty="0">
              <a:solidFill>
                <a:schemeClr val="bg1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589B71D-8938-2312-0D9C-33455611BFD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2"/>
          <a:stretch/>
        </p:blipFill>
        <p:spPr>
          <a:xfrm>
            <a:off x="10497170" y="5267748"/>
            <a:ext cx="1565356" cy="1436431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5F8AE79F-4EA4-B2E7-9615-425375F6B0E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739303" y="1690688"/>
            <a:ext cx="4012340" cy="2042413"/>
          </a:xfrm>
          <a:prstGeom prst="rect">
            <a:avLst/>
          </a:prstGeom>
          <a:noFill/>
          <a:ln>
            <a:noFill/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33BA2B8-2095-CC60-7E52-26EC21FF1DD9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845163" y="3563224"/>
            <a:ext cx="2697757" cy="275301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8998869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UBI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10253405" cy="1746085"/>
          </a:xfrm>
        </p:spPr>
        <p:txBody>
          <a:bodyPr>
            <a:normAutofit/>
          </a:bodyPr>
          <a:lstStyle/>
          <a:p>
            <a:r>
              <a:rPr lang="en-US" sz="3200" dirty="0"/>
              <a:t>If you want to </a:t>
            </a:r>
            <a:r>
              <a:rPr lang="en-US" sz="3200"/>
              <a:t>know more </a:t>
            </a:r>
            <a:r>
              <a:rPr lang="en-US" sz="3200" dirty="0"/>
              <a:t>come to the information meeting right after or drop me an email at </a:t>
            </a:r>
            <a:r>
              <a:rPr lang="en-US" sz="3200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jschulz@cs.au.dk</a:t>
            </a:r>
            <a:r>
              <a:rPr lang="en-US" sz="3200" dirty="0"/>
              <a:t>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566512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684</TotalTime>
  <Words>163</Words>
  <Application>Microsoft Office PowerPoint</Application>
  <PresentationFormat>Widescreen</PresentationFormat>
  <Paragraphs>31</Paragraphs>
  <Slides>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4" baseType="lpstr">
      <vt:lpstr>AU Passata</vt:lpstr>
      <vt:lpstr>AU Passata Light</vt:lpstr>
      <vt:lpstr>Arial</vt:lpstr>
      <vt:lpstr>Calibri Light</vt:lpstr>
      <vt:lpstr>Calibri</vt:lpstr>
      <vt:lpstr>Office Theme</vt:lpstr>
      <vt:lpstr>CS/IT BSc Projects</vt:lpstr>
      <vt:lpstr>PowerPoint Presentation</vt:lpstr>
      <vt:lpstr>[UBI-A] Mixed Reality for Blended Collaboration</vt:lpstr>
      <vt:lpstr>[UBI-L] Comparative Analysis and Visual-              Interactive Merging of Video Subtitles</vt:lpstr>
      <vt:lpstr>[UBI-N] Seamless Music Streaming</vt:lpstr>
      <vt:lpstr>[UBI-F] Visual-Analytic Anomaly Detection              and Correction of EEG Data</vt:lpstr>
      <vt:lpstr>[UBI-E] Eye Based Interaction in AR</vt:lpstr>
      <vt:lpstr>UBI BSc Projects</vt:lpstr>
    </vt:vector>
  </TitlesOfParts>
  <Company>Aarhus University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ans-Jörg Schulz</dc:creator>
  <cp:lastModifiedBy>Hans-Jörg Schulz</cp:lastModifiedBy>
  <cp:revision>54</cp:revision>
  <dcterms:created xsi:type="dcterms:W3CDTF">2019-11-07T06:33:23Z</dcterms:created>
  <dcterms:modified xsi:type="dcterms:W3CDTF">2022-11-21T19:32:32Z</dcterms:modified>
</cp:coreProperties>
</file>